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7029"/>
  <workbookPr/>
  <mc:AlternateContent xmlns:mc="http://schemas.openxmlformats.org/markup-compatibility/2006">
    <mc:Choice Requires="x15">
      <x15ac:absPath xmlns:x15ac="http://schemas.microsoft.com/office/spreadsheetml/2010/11/ac" url="https://difacad-my.sharepoint.com/personal/jaa_dif_dk/Documents/DIF/OL Paris/Den store OLPL-dag/"/>
    </mc:Choice>
  </mc:AlternateContent>
  <xr:revisionPtr revIDLastSave="0" documentId="8_{D0D0FA65-CBC9-4BC6-A391-2337D9D51B83}" xr6:coauthVersionLast="47" xr6:coauthVersionMax="47" xr10:uidLastSave="{00000000-0000-0000-0000-000000000000}"/>
  <bookViews>
    <workbookView xWindow="1290" yWindow="-110" windowWidth="18020" windowHeight="11020" xr2:uid="{00000000-000D-0000-FFFF-FFFF00000000}"/>
  </bookViews>
  <sheets>
    <sheet name="Sheet1" sheetId="1" r:id="rId1"/>
  </sheets>
  <calcPr calcId="162913"/>
  <extLst>
    <ext xmlns:x15="http://schemas.microsoft.com/office/spreadsheetml/2010/11/main" uri="{140A7094-0E35-4892-8432-C4D2E57EDEB5}">
      <x15:workbookPr chartTrackingRefBase="1"/>
    </ext>
  </extLst>
</workbook>
</file>

<file path=xl/sharedStrings.xml><?xml version="1.0" encoding="utf-8"?>
<sst xmlns="http://schemas.openxmlformats.org/spreadsheetml/2006/main" count="412" uniqueCount="259">
  <si>
    <t>Fornavn</t>
  </si>
  <si>
    <t>Efternavn</t>
  </si>
  <si>
    <t>Mette</t>
  </si>
  <si>
    <t>Graversgaard</t>
  </si>
  <si>
    <t>Atletik</t>
  </si>
  <si>
    <t>Kristian U</t>
  </si>
  <si>
    <t>Hansen</t>
  </si>
  <si>
    <t>Ida</t>
  </si>
  <si>
    <t>Karstoft</t>
  </si>
  <si>
    <t>Anna E</t>
  </si>
  <si>
    <t>Møller</t>
  </si>
  <si>
    <t>Gustav L</t>
  </si>
  <si>
    <t>Nielsen</t>
  </si>
  <si>
    <t>Benjamin Lobo</t>
  </si>
  <si>
    <t>Vedel</t>
  </si>
  <si>
    <t>Tobias</t>
  </si>
  <si>
    <t>Larsen</t>
  </si>
  <si>
    <t>Kojo</t>
  </si>
  <si>
    <t>Musah</t>
  </si>
  <si>
    <t>Frederik</t>
  </si>
  <si>
    <t>Schou-Nielsen</t>
  </si>
  <si>
    <t>Annemarie</t>
  </si>
  <si>
    <t>Nissen</t>
  </si>
  <si>
    <t>Lisa Brix</t>
  </si>
  <si>
    <t>Pedersen</t>
  </si>
  <si>
    <t>Katrine K</t>
  </si>
  <si>
    <t>Jacobsen</t>
  </si>
  <si>
    <t>Caroline Bonde</t>
  </si>
  <si>
    <t>Holm</t>
  </si>
  <si>
    <t>Sofia</t>
  </si>
  <si>
    <t>Thøgersen</t>
  </si>
  <si>
    <t>Sara</t>
  </si>
  <si>
    <t>Thygesen</t>
  </si>
  <si>
    <t>Badminton</t>
  </si>
  <si>
    <t>Mia</t>
  </si>
  <si>
    <t>Blichfeldt</t>
  </si>
  <si>
    <t>Mathias</t>
  </si>
  <si>
    <t>Christiansen</t>
  </si>
  <si>
    <t>Maiken</t>
  </si>
  <si>
    <t>Fruergaard</t>
  </si>
  <si>
    <t>Line</t>
  </si>
  <si>
    <t>Kjærsfeldt</t>
  </si>
  <si>
    <t>Kim</t>
  </si>
  <si>
    <t>Astrup</t>
  </si>
  <si>
    <t>Anders</t>
  </si>
  <si>
    <t>Skaarup</t>
  </si>
  <si>
    <t>Alexandra</t>
  </si>
  <si>
    <t>Bøje</t>
  </si>
  <si>
    <t>Nikolai</t>
  </si>
  <si>
    <t>Terteryan</t>
  </si>
  <si>
    <t>Boksning</t>
  </si>
  <si>
    <t>Frederik Lundgaard</t>
  </si>
  <si>
    <t>Jensen</t>
  </si>
  <si>
    <t>Martin Buch</t>
  </si>
  <si>
    <t>Andersen</t>
  </si>
  <si>
    <t>Bordtennis</t>
  </si>
  <si>
    <t>Tobias Kamph</t>
  </si>
  <si>
    <t>Rasmussen</t>
  </si>
  <si>
    <t>Thor Bergstrøm</t>
  </si>
  <si>
    <t>Christensen</t>
  </si>
  <si>
    <t>Anders Von Lavergne-Peguilhen</t>
  </si>
  <si>
    <t>Lind</t>
  </si>
  <si>
    <t>Turpal</t>
  </si>
  <si>
    <t>Bisultanov</t>
  </si>
  <si>
    <t>Brydning</t>
  </si>
  <si>
    <t>Randi</t>
  </si>
  <si>
    <t>Degn</t>
  </si>
  <si>
    <t>Bueskydning</t>
  </si>
  <si>
    <t>Nanna</t>
  </si>
  <si>
    <t>Jakobsen</t>
  </si>
  <si>
    <t>Kirstine</t>
  </si>
  <si>
    <t>Danstrup Andersen</t>
  </si>
  <si>
    <t>Oliver</t>
  </si>
  <si>
    <t>Staudt</t>
  </si>
  <si>
    <t>Dorte</t>
  </si>
  <si>
    <t>Balle</t>
  </si>
  <si>
    <t>Cykling</t>
  </si>
  <si>
    <t>Michael</t>
  </si>
  <si>
    <t>Mørkøv</t>
  </si>
  <si>
    <t>Ellen Hjølund</t>
  </si>
  <si>
    <t>Klinge</t>
  </si>
  <si>
    <t>Amalie</t>
  </si>
  <si>
    <t>Dideriksen</t>
  </si>
  <si>
    <t>Rikke</t>
  </si>
  <si>
    <t>Malene Kejlstrup</t>
  </si>
  <si>
    <t>Sørensen</t>
  </si>
  <si>
    <t>Magnus</t>
  </si>
  <si>
    <t>Dyhre</t>
  </si>
  <si>
    <t>Kasper</t>
  </si>
  <si>
    <t>Olsson</t>
  </si>
  <si>
    <t>Solbjørk</t>
  </si>
  <si>
    <t>Anderson</t>
  </si>
  <si>
    <t>Rebecca</t>
  </si>
  <si>
    <t>Koerner</t>
  </si>
  <si>
    <t>Sofie Heby</t>
  </si>
  <si>
    <t>Sebastian Fini</t>
  </si>
  <si>
    <t>Carstenen</t>
  </si>
  <si>
    <t>Malene</t>
  </si>
  <si>
    <t>Caroline</t>
  </si>
  <si>
    <t>Bohé</t>
  </si>
  <si>
    <t>Madsen</t>
  </si>
  <si>
    <t>Judo</t>
  </si>
  <si>
    <t>Emilie</t>
  </si>
  <si>
    <t>Sook</t>
  </si>
  <si>
    <t>Laerke Marie</t>
  </si>
  <si>
    <t>Olsen</t>
  </si>
  <si>
    <t>Victor Gairy</t>
  </si>
  <si>
    <t>Aasmul</t>
  </si>
  <si>
    <t>Kajak</t>
  </si>
  <si>
    <t>Morten</t>
  </si>
  <si>
    <t>Graversen</t>
  </si>
  <si>
    <t>Sibbersen</t>
  </si>
  <si>
    <t>Lasse Bro</t>
  </si>
  <si>
    <t>Frederikke Hauge</t>
  </si>
  <si>
    <t>Matthiesen</t>
  </si>
  <si>
    <t>Emma Aastrand</t>
  </si>
  <si>
    <t>Jørgensen</t>
  </si>
  <si>
    <t>Sofie</t>
  </si>
  <si>
    <t>Skoubo</t>
  </si>
  <si>
    <t xml:space="preserve">Parasport  </t>
  </si>
  <si>
    <t>Sebastian</t>
  </si>
  <si>
    <t>Frederiksen</t>
  </si>
  <si>
    <t>Peter</t>
  </si>
  <si>
    <t>Rosenmeier</t>
  </si>
  <si>
    <t>Mikkel</t>
  </si>
  <si>
    <t>Schöttel</t>
  </si>
  <si>
    <t>Martin</t>
  </si>
  <si>
    <t>Heggelund</t>
  </si>
  <si>
    <t>Mark</t>
  </si>
  <si>
    <t>Peters</t>
  </si>
  <si>
    <t>Louise</t>
  </si>
  <si>
    <t>Willerslev-Olsen</t>
  </si>
  <si>
    <t>Lisa Kjær</t>
  </si>
  <si>
    <t>Gjessing</t>
  </si>
  <si>
    <t>Kurt</t>
  </si>
  <si>
    <t>Busk</t>
  </si>
  <si>
    <t>Kristian</t>
  </si>
  <si>
    <t>Bak Eriksen</t>
  </si>
  <si>
    <t>Karina</t>
  </si>
  <si>
    <t>Lauridsen</t>
  </si>
  <si>
    <t>Kaare Momme</t>
  </si>
  <si>
    <t>Jesper Ring</t>
  </si>
  <si>
    <t>Krüger</t>
  </si>
  <si>
    <t>Jakob</t>
  </si>
  <si>
    <t>Mortensen</t>
  </si>
  <si>
    <t>Henrik</t>
  </si>
  <si>
    <t>Brammer</t>
  </si>
  <si>
    <t>Emma</t>
  </si>
  <si>
    <t>Lund</t>
  </si>
  <si>
    <t>Ditte Eliza Ladager</t>
  </si>
  <si>
    <t>Clausen</t>
  </si>
  <si>
    <t>Daniel</t>
  </si>
  <si>
    <t>Wagner</t>
  </si>
  <si>
    <t>Christian Lykkeby</t>
  </si>
  <si>
    <t>Cathrine</t>
  </si>
  <si>
    <t>Rosengren</t>
  </si>
  <si>
    <t>Buster</t>
  </si>
  <si>
    <t>Antonsen</t>
  </si>
  <si>
    <t>Bjørk</t>
  </si>
  <si>
    <t>Nørremark</t>
  </si>
  <si>
    <t>Alexander</t>
  </si>
  <si>
    <t>Hillhouse</t>
  </si>
  <si>
    <t>Tobias Thorning</t>
  </si>
  <si>
    <t>Pia Wulff</t>
  </si>
  <si>
    <t>Jelstrup</t>
  </si>
  <si>
    <t>Nicole</t>
  </si>
  <si>
    <t>Johnsen</t>
  </si>
  <si>
    <t>Line Thorning</t>
  </si>
  <si>
    <t>Line Munk</t>
  </si>
  <si>
    <t>Katrine</t>
  </si>
  <si>
    <t>Kristensen</t>
  </si>
  <si>
    <t>Karla Dyhm</t>
  </si>
  <si>
    <t>Junge</t>
  </si>
  <si>
    <t>Anne Mette</t>
  </si>
  <si>
    <t>Hasselstrøm</t>
  </si>
  <si>
    <t xml:space="preserve">Renee </t>
  </si>
  <si>
    <t>Igelski</t>
  </si>
  <si>
    <t>Nadja Sloth</t>
  </si>
  <si>
    <t>Aaboe</t>
  </si>
  <si>
    <t>Ridning</t>
  </si>
  <si>
    <t>Laudrup-Dufour</t>
  </si>
  <si>
    <t>Carina Cassøe</t>
  </si>
  <si>
    <t>Krüth</t>
  </si>
  <si>
    <t>Anna</t>
  </si>
  <si>
    <t>Zibrandsen</t>
  </si>
  <si>
    <t xml:space="preserve">Lone Bang </t>
  </si>
  <si>
    <t>Zindorff</t>
  </si>
  <si>
    <t>Marie</t>
  </si>
  <si>
    <t>Johannesen</t>
  </si>
  <si>
    <t>Roning</t>
  </si>
  <si>
    <t>Julie</t>
  </si>
  <si>
    <t>Poulsen</t>
  </si>
  <si>
    <t>Hedvig Lærke Berg</t>
  </si>
  <si>
    <t>Frida Sanggaard</t>
  </si>
  <si>
    <t>Frederic</t>
  </si>
  <si>
    <t>Vystavel</t>
  </si>
  <si>
    <t>Astrid</t>
  </si>
  <si>
    <t>Steensberg</t>
  </si>
  <si>
    <t>Kaare</t>
  </si>
  <si>
    <t>Anne-Marie</t>
  </si>
  <si>
    <t>Rindom</t>
  </si>
  <si>
    <t>Sejlsport</t>
  </si>
  <si>
    <t>Natacha Violet</t>
  </si>
  <si>
    <t>Saouma-Pedersen</t>
  </si>
  <si>
    <t>Mathias Bruun</t>
  </si>
  <si>
    <t>Borreskov</t>
  </si>
  <si>
    <t>Lærke</t>
  </si>
  <si>
    <t>Buhl-Hansen</t>
  </si>
  <si>
    <t>Jakob Precht</t>
  </si>
  <si>
    <t>Rask</t>
  </si>
  <si>
    <t>Josefine</t>
  </si>
  <si>
    <t>Nøjgaard</t>
  </si>
  <si>
    <t>Esther</t>
  </si>
  <si>
    <t>Bojsen-Møller</t>
  </si>
  <si>
    <t>Viktor</t>
  </si>
  <si>
    <t>Solmunde</t>
  </si>
  <si>
    <t>Skateboarding</t>
  </si>
  <si>
    <t>Rune</t>
  </si>
  <si>
    <t>Glifberg</t>
  </si>
  <si>
    <t>Ibsen</t>
  </si>
  <si>
    <t>Skydning</t>
  </si>
  <si>
    <t>Nicklas</t>
  </si>
  <si>
    <t>Kildehøj</t>
  </si>
  <si>
    <t>Jesper</t>
  </si>
  <si>
    <t>Dan</t>
  </si>
  <si>
    <t>Svømning</t>
  </si>
  <si>
    <t>Thea</t>
  </si>
  <si>
    <t>Blomsterberg</t>
  </si>
  <si>
    <t>Signe</t>
  </si>
  <si>
    <t>Bro</t>
  </si>
  <si>
    <t>Schastine</t>
  </si>
  <si>
    <t>Tabor</t>
  </si>
  <si>
    <t>Robert E. Falborg</t>
  </si>
  <si>
    <t>Søgaard-Andersen</t>
  </si>
  <si>
    <t>Kristine Nilsson</t>
  </si>
  <si>
    <t>Norby</t>
  </si>
  <si>
    <t>Julie Kepp</t>
  </si>
  <si>
    <t>Beckmann</t>
  </si>
  <si>
    <t>Elisabeth Sabroe</t>
  </si>
  <si>
    <t>Ebbesen</t>
  </si>
  <si>
    <t>Clara</t>
  </si>
  <si>
    <t>Rybak-Andersen</t>
  </si>
  <si>
    <t>Cille</t>
  </si>
  <si>
    <t>Kirketerp</t>
  </si>
  <si>
    <t>Casper</t>
  </si>
  <si>
    <t>Puggaard</t>
  </si>
  <si>
    <t>Edi</t>
  </si>
  <si>
    <t>Hrnic</t>
  </si>
  <si>
    <t>Taekwondo</t>
  </si>
  <si>
    <t>Valdemar</t>
  </si>
  <si>
    <t>Solok</t>
  </si>
  <si>
    <t>Triatlon</t>
  </si>
  <si>
    <t>Oscar</t>
  </si>
  <si>
    <t>Gladney</t>
  </si>
  <si>
    <t>Emil</t>
  </si>
  <si>
    <t>Anne</t>
  </si>
  <si>
    <t>Alberte Kjær</t>
  </si>
  <si>
    <t>Sport</t>
  </si>
  <si>
    <t>Info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6" x14ac:knownFonts="1">
    <font>
      <sz val="11"/>
      <color theme="1"/>
      <name val="Calibri"/>
      <family val="2"/>
      <scheme val="minor"/>
    </font>
    <font>
      <b/>
      <sz val="10"/>
      <name val="Arial"/>
    </font>
    <font>
      <sz val="10"/>
      <name val="Arial"/>
    </font>
    <font>
      <sz val="10"/>
      <color rgb="FF000000"/>
      <name val="Arial"/>
    </font>
    <font>
      <sz val="11"/>
      <name val="Calibri"/>
      <family val="2"/>
      <charset val="1"/>
      <scheme val="minor"/>
    </font>
    <font>
      <sz val="11"/>
      <color rgb="FF000000"/>
      <name val="Calibri"/>
      <charset val="1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6">
    <xf numFmtId="0" fontId="0" fillId="0" borderId="0" xfId="0"/>
    <xf numFmtId="0" fontId="1" fillId="0" borderId="0" xfId="0" applyFont="1"/>
    <xf numFmtId="0" fontId="2" fillId="0" borderId="0" xfId="0" applyFont="1"/>
    <xf numFmtId="0" fontId="3" fillId="0" borderId="0" xfId="0" applyFont="1"/>
    <xf numFmtId="0" fontId="4" fillId="0" borderId="0" xfId="0" applyFont="1"/>
    <xf numFmtId="0" fontId="5" fillId="0" borderId="0" xfId="0" applyFon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D137"/>
  <sheetViews>
    <sheetView tabSelected="1" workbookViewId="0">
      <selection activeCell="D2" sqref="D2"/>
    </sheetView>
  </sheetViews>
  <sheetFormatPr defaultRowHeight="14.5" x14ac:dyDescent="0.35"/>
  <cols>
    <col min="1" max="1" width="27.81640625" bestFit="1" customWidth="1"/>
    <col min="2" max="2" width="17" bestFit="1" customWidth="1"/>
  </cols>
  <sheetData>
    <row r="1" spans="1:4" x14ac:dyDescent="0.35">
      <c r="A1" s="1" t="s">
        <v>0</v>
      </c>
      <c r="B1" s="1" t="s">
        <v>1</v>
      </c>
      <c r="C1" s="1" t="s">
        <v>257</v>
      </c>
      <c r="D1" s="1" t="s">
        <v>258</v>
      </c>
    </row>
    <row r="2" spans="1:4" x14ac:dyDescent="0.35">
      <c r="A2" s="2" t="s">
        <v>2</v>
      </c>
      <c r="B2" s="2" t="s">
        <v>3</v>
      </c>
      <c r="C2" s="2" t="s">
        <v>4</v>
      </c>
    </row>
    <row r="3" spans="1:4" x14ac:dyDescent="0.35">
      <c r="A3" s="2" t="s">
        <v>5</v>
      </c>
      <c r="B3" s="2" t="s">
        <v>6</v>
      </c>
      <c r="C3" s="2" t="s">
        <v>4</v>
      </c>
    </row>
    <row r="4" spans="1:4" x14ac:dyDescent="0.35">
      <c r="A4" s="2" t="s">
        <v>7</v>
      </c>
      <c r="B4" s="2" t="s">
        <v>8</v>
      </c>
      <c r="C4" s="2" t="s">
        <v>4</v>
      </c>
    </row>
    <row r="5" spans="1:4" x14ac:dyDescent="0.35">
      <c r="A5" s="2" t="s">
        <v>9</v>
      </c>
      <c r="B5" s="2" t="s">
        <v>10</v>
      </c>
      <c r="C5" s="2" t="s">
        <v>4</v>
      </c>
    </row>
    <row r="6" spans="1:4" x14ac:dyDescent="0.35">
      <c r="A6" s="2" t="s">
        <v>11</v>
      </c>
      <c r="B6" s="2" t="s">
        <v>12</v>
      </c>
      <c r="C6" s="2" t="s">
        <v>4</v>
      </c>
    </row>
    <row r="7" spans="1:4" x14ac:dyDescent="0.35">
      <c r="A7" s="2" t="s">
        <v>13</v>
      </c>
      <c r="B7" s="2" t="s">
        <v>14</v>
      </c>
      <c r="C7" s="2" t="s">
        <v>4</v>
      </c>
    </row>
    <row r="8" spans="1:4" x14ac:dyDescent="0.35">
      <c r="A8" s="2" t="s">
        <v>15</v>
      </c>
      <c r="B8" s="2" t="s">
        <v>16</v>
      </c>
      <c r="C8" s="2" t="s">
        <v>4</v>
      </c>
    </row>
    <row r="9" spans="1:4" x14ac:dyDescent="0.35">
      <c r="A9" s="2" t="s">
        <v>17</v>
      </c>
      <c r="B9" s="2" t="s">
        <v>18</v>
      </c>
      <c r="C9" s="2" t="s">
        <v>4</v>
      </c>
    </row>
    <row r="10" spans="1:4" x14ac:dyDescent="0.35">
      <c r="A10" s="2" t="s">
        <v>19</v>
      </c>
      <c r="B10" s="2" t="s">
        <v>20</v>
      </c>
      <c r="C10" s="2" t="s">
        <v>4</v>
      </c>
    </row>
    <row r="11" spans="1:4" x14ac:dyDescent="0.35">
      <c r="A11" s="2" t="s">
        <v>21</v>
      </c>
      <c r="B11" s="2" t="s">
        <v>22</v>
      </c>
      <c r="C11" s="2" t="s">
        <v>4</v>
      </c>
    </row>
    <row r="12" spans="1:4" x14ac:dyDescent="0.35">
      <c r="A12" s="2" t="s">
        <v>23</v>
      </c>
      <c r="B12" s="2" t="s">
        <v>24</v>
      </c>
      <c r="C12" s="2" t="s">
        <v>4</v>
      </c>
    </row>
    <row r="13" spans="1:4" x14ac:dyDescent="0.35">
      <c r="A13" s="2" t="s">
        <v>25</v>
      </c>
      <c r="B13" s="2" t="s">
        <v>26</v>
      </c>
      <c r="C13" s="2" t="s">
        <v>4</v>
      </c>
    </row>
    <row r="14" spans="1:4" x14ac:dyDescent="0.35">
      <c r="A14" s="2" t="s">
        <v>27</v>
      </c>
      <c r="B14" s="2" t="s">
        <v>28</v>
      </c>
      <c r="C14" s="2" t="s">
        <v>4</v>
      </c>
    </row>
    <row r="15" spans="1:4" x14ac:dyDescent="0.35">
      <c r="A15" s="2" t="s">
        <v>29</v>
      </c>
      <c r="B15" s="2" t="s">
        <v>30</v>
      </c>
      <c r="C15" s="2" t="s">
        <v>4</v>
      </c>
    </row>
    <row r="16" spans="1:4" x14ac:dyDescent="0.35">
      <c r="A16" s="2" t="s">
        <v>31</v>
      </c>
      <c r="B16" s="2" t="s">
        <v>32</v>
      </c>
      <c r="C16" s="2" t="s">
        <v>33</v>
      </c>
    </row>
    <row r="17" spans="1:3" x14ac:dyDescent="0.35">
      <c r="A17" s="2" t="s">
        <v>34</v>
      </c>
      <c r="B17" s="2" t="s">
        <v>35</v>
      </c>
      <c r="C17" s="2" t="s">
        <v>33</v>
      </c>
    </row>
    <row r="18" spans="1:3" x14ac:dyDescent="0.35">
      <c r="A18" s="2" t="s">
        <v>36</v>
      </c>
      <c r="B18" s="2" t="s">
        <v>37</v>
      </c>
      <c r="C18" s="2" t="s">
        <v>33</v>
      </c>
    </row>
    <row r="19" spans="1:3" x14ac:dyDescent="0.35">
      <c r="A19" s="2" t="s">
        <v>38</v>
      </c>
      <c r="B19" s="2" t="s">
        <v>39</v>
      </c>
      <c r="C19" s="2" t="s">
        <v>33</v>
      </c>
    </row>
    <row r="20" spans="1:3" x14ac:dyDescent="0.35">
      <c r="A20" s="2" t="s">
        <v>40</v>
      </c>
      <c r="B20" s="2" t="s">
        <v>41</v>
      </c>
      <c r="C20" s="2" t="s">
        <v>33</v>
      </c>
    </row>
    <row r="21" spans="1:3" x14ac:dyDescent="0.35">
      <c r="A21" s="2" t="s">
        <v>42</v>
      </c>
      <c r="B21" s="2" t="s">
        <v>43</v>
      </c>
      <c r="C21" s="2" t="s">
        <v>33</v>
      </c>
    </row>
    <row r="22" spans="1:3" x14ac:dyDescent="0.35">
      <c r="A22" s="2" t="s">
        <v>44</v>
      </c>
      <c r="B22" s="2" t="s">
        <v>45</v>
      </c>
      <c r="C22" s="2" t="s">
        <v>33</v>
      </c>
    </row>
    <row r="23" spans="1:3" x14ac:dyDescent="0.35">
      <c r="A23" s="2" t="s">
        <v>46</v>
      </c>
      <c r="B23" s="2" t="s">
        <v>47</v>
      </c>
      <c r="C23" s="2" t="s">
        <v>33</v>
      </c>
    </row>
    <row r="24" spans="1:3" x14ac:dyDescent="0.35">
      <c r="A24" s="2" t="s">
        <v>48</v>
      </c>
      <c r="B24" s="2" t="s">
        <v>49</v>
      </c>
      <c r="C24" s="2" t="s">
        <v>50</v>
      </c>
    </row>
    <row r="25" spans="1:3" x14ac:dyDescent="0.35">
      <c r="A25" s="2" t="s">
        <v>51</v>
      </c>
      <c r="B25" s="2" t="s">
        <v>52</v>
      </c>
      <c r="C25" s="2" t="s">
        <v>50</v>
      </c>
    </row>
    <row r="26" spans="1:3" x14ac:dyDescent="0.35">
      <c r="A26" s="2" t="s">
        <v>53</v>
      </c>
      <c r="B26" s="2" t="s">
        <v>54</v>
      </c>
      <c r="C26" s="2" t="s">
        <v>55</v>
      </c>
    </row>
    <row r="27" spans="1:3" x14ac:dyDescent="0.35">
      <c r="A27" s="2" t="s">
        <v>56</v>
      </c>
      <c r="B27" s="2" t="s">
        <v>57</v>
      </c>
      <c r="C27" s="2" t="s">
        <v>55</v>
      </c>
    </row>
    <row r="28" spans="1:3" x14ac:dyDescent="0.35">
      <c r="A28" s="2" t="s">
        <v>58</v>
      </c>
      <c r="B28" s="2" t="s">
        <v>59</v>
      </c>
      <c r="C28" s="2" t="s">
        <v>55</v>
      </c>
    </row>
    <row r="29" spans="1:3" x14ac:dyDescent="0.35">
      <c r="A29" s="2" t="s">
        <v>60</v>
      </c>
      <c r="B29" s="2" t="s">
        <v>61</v>
      </c>
      <c r="C29" s="2" t="s">
        <v>55</v>
      </c>
    </row>
    <row r="30" spans="1:3" x14ac:dyDescent="0.35">
      <c r="A30" s="2" t="s">
        <v>62</v>
      </c>
      <c r="B30" s="2" t="s">
        <v>63</v>
      </c>
      <c r="C30" s="2" t="s">
        <v>64</v>
      </c>
    </row>
    <row r="31" spans="1:3" x14ac:dyDescent="0.35">
      <c r="A31" s="2" t="s">
        <v>65</v>
      </c>
      <c r="B31" s="2" t="s">
        <v>66</v>
      </c>
      <c r="C31" s="2" t="s">
        <v>67</v>
      </c>
    </row>
    <row r="32" spans="1:3" x14ac:dyDescent="0.35">
      <c r="A32" s="2" t="s">
        <v>68</v>
      </c>
      <c r="B32" s="2" t="s">
        <v>69</v>
      </c>
      <c r="C32" s="2" t="s">
        <v>67</v>
      </c>
    </row>
    <row r="33" spans="1:3" x14ac:dyDescent="0.35">
      <c r="A33" s="2" t="s">
        <v>70</v>
      </c>
      <c r="B33" s="2" t="s">
        <v>71</v>
      </c>
      <c r="C33" s="2" t="s">
        <v>67</v>
      </c>
    </row>
    <row r="34" spans="1:3" x14ac:dyDescent="0.35">
      <c r="A34" s="2" t="s">
        <v>72</v>
      </c>
      <c r="B34" s="2" t="s">
        <v>73</v>
      </c>
      <c r="C34" s="2" t="s">
        <v>67</v>
      </c>
    </row>
    <row r="35" spans="1:3" x14ac:dyDescent="0.35">
      <c r="A35" s="2" t="s">
        <v>74</v>
      </c>
      <c r="B35" s="2" t="s">
        <v>75</v>
      </c>
      <c r="C35" s="2" t="s">
        <v>76</v>
      </c>
    </row>
    <row r="36" spans="1:3" x14ac:dyDescent="0.35">
      <c r="A36" s="2" t="s">
        <v>77</v>
      </c>
      <c r="B36" s="2" t="s">
        <v>78</v>
      </c>
      <c r="C36" s="2" t="s">
        <v>76</v>
      </c>
    </row>
    <row r="37" spans="1:3" x14ac:dyDescent="0.35">
      <c r="A37" s="2" t="s">
        <v>79</v>
      </c>
      <c r="B37" s="2" t="s">
        <v>80</v>
      </c>
      <c r="C37" s="2" t="s">
        <v>76</v>
      </c>
    </row>
    <row r="38" spans="1:3" x14ac:dyDescent="0.35">
      <c r="A38" s="2" t="s">
        <v>81</v>
      </c>
      <c r="B38" s="2" t="s">
        <v>82</v>
      </c>
      <c r="C38" s="2" t="s">
        <v>76</v>
      </c>
    </row>
    <row r="39" spans="1:3" x14ac:dyDescent="0.35">
      <c r="A39" s="2" t="s">
        <v>83</v>
      </c>
      <c r="B39" s="2" t="s">
        <v>75</v>
      </c>
      <c r="C39" s="2" t="s">
        <v>76</v>
      </c>
    </row>
    <row r="40" spans="1:3" x14ac:dyDescent="0.35">
      <c r="A40" s="2" t="s">
        <v>84</v>
      </c>
      <c r="B40" s="2" t="s">
        <v>85</v>
      </c>
      <c r="C40" s="2" t="s">
        <v>76</v>
      </c>
    </row>
    <row r="41" spans="1:3" x14ac:dyDescent="0.35">
      <c r="A41" s="2" t="s">
        <v>86</v>
      </c>
      <c r="B41" s="2" t="s">
        <v>87</v>
      </c>
      <c r="C41" s="2" t="s">
        <v>76</v>
      </c>
    </row>
    <row r="42" spans="1:3" x14ac:dyDescent="0.35">
      <c r="A42" s="2" t="s">
        <v>88</v>
      </c>
      <c r="B42" s="2" t="s">
        <v>89</v>
      </c>
      <c r="C42" s="2" t="s">
        <v>76</v>
      </c>
    </row>
    <row r="43" spans="1:3" x14ac:dyDescent="0.35">
      <c r="A43" s="2" t="s">
        <v>90</v>
      </c>
      <c r="B43" s="2" t="s">
        <v>91</v>
      </c>
      <c r="C43" s="2" t="s">
        <v>76</v>
      </c>
    </row>
    <row r="44" spans="1:3" x14ac:dyDescent="0.35">
      <c r="A44" s="2" t="s">
        <v>92</v>
      </c>
      <c r="B44" s="2" t="s">
        <v>93</v>
      </c>
      <c r="C44" s="2" t="s">
        <v>76</v>
      </c>
    </row>
    <row r="45" spans="1:3" x14ac:dyDescent="0.35">
      <c r="A45" s="2" t="s">
        <v>94</v>
      </c>
      <c r="B45" s="2" t="s">
        <v>24</v>
      </c>
      <c r="C45" s="2" t="s">
        <v>76</v>
      </c>
    </row>
    <row r="46" spans="1:3" x14ac:dyDescent="0.35">
      <c r="A46" s="2" t="s">
        <v>95</v>
      </c>
      <c r="B46" s="2" t="s">
        <v>96</v>
      </c>
      <c r="C46" s="2" t="s">
        <v>76</v>
      </c>
    </row>
    <row r="47" spans="1:3" x14ac:dyDescent="0.35">
      <c r="A47" s="2" t="s">
        <v>97</v>
      </c>
      <c r="B47" s="2" t="s">
        <v>66</v>
      </c>
      <c r="C47" s="2" t="s">
        <v>76</v>
      </c>
    </row>
    <row r="48" spans="1:3" x14ac:dyDescent="0.35">
      <c r="A48" s="2" t="s">
        <v>98</v>
      </c>
      <c r="B48" s="2" t="s">
        <v>99</v>
      </c>
      <c r="C48" s="2" t="s">
        <v>76</v>
      </c>
    </row>
    <row r="49" spans="1:3" x14ac:dyDescent="0.35">
      <c r="A49" s="2" t="s">
        <v>36</v>
      </c>
      <c r="B49" s="2" t="s">
        <v>100</v>
      </c>
      <c r="C49" s="2" t="s">
        <v>101</v>
      </c>
    </row>
    <row r="50" spans="1:3" x14ac:dyDescent="0.35">
      <c r="A50" s="2" t="s">
        <v>102</v>
      </c>
      <c r="B50" s="2" t="s">
        <v>103</v>
      </c>
      <c r="C50" s="2" t="s">
        <v>101</v>
      </c>
    </row>
    <row r="51" spans="1:3" x14ac:dyDescent="0.35">
      <c r="A51" s="2" t="s">
        <v>104</v>
      </c>
      <c r="B51" s="2" t="s">
        <v>105</v>
      </c>
      <c r="C51" s="2" t="s">
        <v>101</v>
      </c>
    </row>
    <row r="52" spans="1:3" x14ac:dyDescent="0.35">
      <c r="A52" s="2" t="s">
        <v>106</v>
      </c>
      <c r="B52" s="2" t="s">
        <v>107</v>
      </c>
      <c r="C52" s="2" t="s">
        <v>108</v>
      </c>
    </row>
    <row r="53" spans="1:3" x14ac:dyDescent="0.35">
      <c r="A53" s="2" t="s">
        <v>109</v>
      </c>
      <c r="B53" s="2" t="s">
        <v>110</v>
      </c>
      <c r="C53" s="2" t="s">
        <v>108</v>
      </c>
    </row>
    <row r="54" spans="1:3" x14ac:dyDescent="0.35">
      <c r="A54" s="2" t="s">
        <v>86</v>
      </c>
      <c r="B54" s="2" t="s">
        <v>111</v>
      </c>
      <c r="C54" s="2" t="s">
        <v>108</v>
      </c>
    </row>
    <row r="55" spans="1:3" x14ac:dyDescent="0.35">
      <c r="A55" s="2" t="s">
        <v>112</v>
      </c>
      <c r="B55" s="2" t="s">
        <v>100</v>
      </c>
      <c r="C55" s="2" t="s">
        <v>108</v>
      </c>
    </row>
    <row r="56" spans="1:3" x14ac:dyDescent="0.35">
      <c r="A56" s="2" t="s">
        <v>113</v>
      </c>
      <c r="B56" s="2" t="s">
        <v>114</v>
      </c>
      <c r="C56" s="2" t="s">
        <v>108</v>
      </c>
    </row>
    <row r="57" spans="1:3" x14ac:dyDescent="0.35">
      <c r="A57" s="2" t="s">
        <v>115</v>
      </c>
      <c r="B57" s="2" t="s">
        <v>116</v>
      </c>
      <c r="C57" s="2" t="s">
        <v>108</v>
      </c>
    </row>
    <row r="58" spans="1:3" x14ac:dyDescent="0.35">
      <c r="A58" s="2" t="s">
        <v>117</v>
      </c>
      <c r="B58" s="2" t="s">
        <v>118</v>
      </c>
      <c r="C58" s="2" t="s">
        <v>119</v>
      </c>
    </row>
    <row r="59" spans="1:3" x14ac:dyDescent="0.35">
      <c r="A59" s="2" t="s">
        <v>120</v>
      </c>
      <c r="B59" s="2" t="s">
        <v>121</v>
      </c>
      <c r="C59" s="2" t="s">
        <v>119</v>
      </c>
    </row>
    <row r="60" spans="1:3" x14ac:dyDescent="0.35">
      <c r="A60" s="2" t="s">
        <v>122</v>
      </c>
      <c r="B60" s="2" t="s">
        <v>123</v>
      </c>
      <c r="C60" s="2" t="s">
        <v>119</v>
      </c>
    </row>
    <row r="61" spans="1:3" x14ac:dyDescent="0.35">
      <c r="A61" s="2" t="s">
        <v>124</v>
      </c>
      <c r="B61" s="2" t="s">
        <v>125</v>
      </c>
      <c r="C61" s="2" t="s">
        <v>119</v>
      </c>
    </row>
    <row r="62" spans="1:3" x14ac:dyDescent="0.35">
      <c r="A62" s="2" t="s">
        <v>126</v>
      </c>
      <c r="B62" s="2" t="s">
        <v>127</v>
      </c>
      <c r="C62" s="2" t="s">
        <v>119</v>
      </c>
    </row>
    <row r="63" spans="1:3" x14ac:dyDescent="0.35">
      <c r="A63" s="2" t="s">
        <v>128</v>
      </c>
      <c r="B63" s="2" t="s">
        <v>129</v>
      </c>
      <c r="C63" s="2" t="s">
        <v>119</v>
      </c>
    </row>
    <row r="64" spans="1:3" x14ac:dyDescent="0.35">
      <c r="A64" s="2" t="s">
        <v>130</v>
      </c>
      <c r="B64" s="2" t="s">
        <v>131</v>
      </c>
      <c r="C64" s="2" t="s">
        <v>119</v>
      </c>
    </row>
    <row r="65" spans="1:3" x14ac:dyDescent="0.35">
      <c r="A65" s="2" t="s">
        <v>132</v>
      </c>
      <c r="B65" s="2" t="s">
        <v>133</v>
      </c>
      <c r="C65" s="2" t="s">
        <v>119</v>
      </c>
    </row>
    <row r="66" spans="1:3" x14ac:dyDescent="0.35">
      <c r="A66" s="2" t="s">
        <v>134</v>
      </c>
      <c r="B66" s="2" t="s">
        <v>135</v>
      </c>
      <c r="C66" s="2" t="s">
        <v>119</v>
      </c>
    </row>
    <row r="67" spans="1:3" x14ac:dyDescent="0.35">
      <c r="A67" s="2" t="s">
        <v>136</v>
      </c>
      <c r="B67" s="2" t="s">
        <v>137</v>
      </c>
      <c r="C67" s="2" t="s">
        <v>119</v>
      </c>
    </row>
    <row r="68" spans="1:3" x14ac:dyDescent="0.35">
      <c r="A68" s="2" t="s">
        <v>138</v>
      </c>
      <c r="B68" s="2" t="s">
        <v>139</v>
      </c>
      <c r="C68" s="2" t="s">
        <v>119</v>
      </c>
    </row>
    <row r="69" spans="1:3" x14ac:dyDescent="0.35">
      <c r="A69" s="2" t="s">
        <v>140</v>
      </c>
      <c r="B69" s="2" t="s">
        <v>12</v>
      </c>
      <c r="C69" s="2" t="s">
        <v>119</v>
      </c>
    </row>
    <row r="70" spans="1:3" x14ac:dyDescent="0.35">
      <c r="A70" s="2" t="s">
        <v>141</v>
      </c>
      <c r="B70" s="2" t="s">
        <v>142</v>
      </c>
      <c r="C70" s="2" t="s">
        <v>119</v>
      </c>
    </row>
    <row r="71" spans="1:3" x14ac:dyDescent="0.35">
      <c r="A71" s="2" t="s">
        <v>143</v>
      </c>
      <c r="B71" s="2" t="s">
        <v>144</v>
      </c>
      <c r="C71" s="2" t="s">
        <v>119</v>
      </c>
    </row>
    <row r="72" spans="1:3" x14ac:dyDescent="0.35">
      <c r="A72" s="2" t="s">
        <v>145</v>
      </c>
      <c r="B72" s="2" t="s">
        <v>146</v>
      </c>
      <c r="C72" s="2" t="s">
        <v>119</v>
      </c>
    </row>
    <row r="73" spans="1:3" x14ac:dyDescent="0.35">
      <c r="A73" s="2" t="s">
        <v>147</v>
      </c>
      <c r="B73" s="2" t="s">
        <v>148</v>
      </c>
      <c r="C73" s="2" t="s">
        <v>119</v>
      </c>
    </row>
    <row r="74" spans="1:3" x14ac:dyDescent="0.35">
      <c r="A74" s="2" t="s">
        <v>149</v>
      </c>
      <c r="B74" s="2" t="s">
        <v>150</v>
      </c>
      <c r="C74" s="2" t="s">
        <v>119</v>
      </c>
    </row>
    <row r="75" spans="1:3" x14ac:dyDescent="0.35">
      <c r="A75" s="2" t="s">
        <v>151</v>
      </c>
      <c r="B75" s="2" t="s">
        <v>152</v>
      </c>
      <c r="C75" s="2" t="s">
        <v>119</v>
      </c>
    </row>
    <row r="76" spans="1:3" x14ac:dyDescent="0.35">
      <c r="A76" s="2" t="s">
        <v>153</v>
      </c>
      <c r="B76" s="2" t="s">
        <v>105</v>
      </c>
      <c r="C76" s="2" t="s">
        <v>119</v>
      </c>
    </row>
    <row r="77" spans="1:3" x14ac:dyDescent="0.35">
      <c r="A77" s="2" t="s">
        <v>154</v>
      </c>
      <c r="B77" s="2" t="s">
        <v>155</v>
      </c>
      <c r="C77" s="2" t="s">
        <v>119</v>
      </c>
    </row>
    <row r="78" spans="1:3" x14ac:dyDescent="0.35">
      <c r="A78" s="2" t="s">
        <v>156</v>
      </c>
      <c r="B78" s="2" t="s">
        <v>157</v>
      </c>
      <c r="C78" s="2" t="s">
        <v>119</v>
      </c>
    </row>
    <row r="79" spans="1:3" x14ac:dyDescent="0.35">
      <c r="A79" s="2" t="s">
        <v>158</v>
      </c>
      <c r="B79" s="2" t="s">
        <v>159</v>
      </c>
      <c r="C79" s="2" t="s">
        <v>119</v>
      </c>
    </row>
    <row r="80" spans="1:3" x14ac:dyDescent="0.35">
      <c r="A80" s="2" t="s">
        <v>160</v>
      </c>
      <c r="B80" s="2" t="s">
        <v>161</v>
      </c>
      <c r="C80" s="2" t="s">
        <v>119</v>
      </c>
    </row>
    <row r="81" spans="1:3" x14ac:dyDescent="0.35">
      <c r="A81" s="2" t="s">
        <v>162</v>
      </c>
      <c r="B81" s="2" t="s">
        <v>116</v>
      </c>
      <c r="C81" s="2" t="s">
        <v>119</v>
      </c>
    </row>
    <row r="82" spans="1:3" x14ac:dyDescent="0.35">
      <c r="A82" s="2" t="s">
        <v>163</v>
      </c>
      <c r="B82" s="2" t="s">
        <v>164</v>
      </c>
      <c r="C82" s="2" t="s">
        <v>119</v>
      </c>
    </row>
    <row r="83" spans="1:3" x14ac:dyDescent="0.35">
      <c r="A83" s="2" t="s">
        <v>165</v>
      </c>
      <c r="B83" s="2" t="s">
        <v>166</v>
      </c>
      <c r="C83" s="2" t="s">
        <v>119</v>
      </c>
    </row>
    <row r="84" spans="1:3" x14ac:dyDescent="0.35">
      <c r="A84" s="2" t="s">
        <v>167</v>
      </c>
      <c r="B84" s="2" t="s">
        <v>116</v>
      </c>
      <c r="C84" s="2" t="s">
        <v>119</v>
      </c>
    </row>
    <row r="85" spans="1:3" x14ac:dyDescent="0.35">
      <c r="A85" s="2" t="s">
        <v>168</v>
      </c>
      <c r="B85" s="2" t="s">
        <v>100</v>
      </c>
      <c r="C85" s="2" t="s">
        <v>119</v>
      </c>
    </row>
    <row r="86" spans="1:3" x14ac:dyDescent="0.35">
      <c r="A86" s="2" t="s">
        <v>169</v>
      </c>
      <c r="B86" s="2" t="s">
        <v>170</v>
      </c>
      <c r="C86" s="2" t="s">
        <v>119</v>
      </c>
    </row>
    <row r="87" spans="1:3" x14ac:dyDescent="0.35">
      <c r="A87" s="2" t="s">
        <v>171</v>
      </c>
      <c r="B87" s="2" t="s">
        <v>172</v>
      </c>
      <c r="C87" s="2" t="s">
        <v>119</v>
      </c>
    </row>
    <row r="88" spans="1:3" x14ac:dyDescent="0.35">
      <c r="A88" s="2" t="s">
        <v>173</v>
      </c>
      <c r="B88" s="2" t="s">
        <v>174</v>
      </c>
      <c r="C88" s="2" t="s">
        <v>119</v>
      </c>
    </row>
    <row r="89" spans="1:3" x14ac:dyDescent="0.35">
      <c r="A89" s="2" t="s">
        <v>175</v>
      </c>
      <c r="B89" s="3" t="s">
        <v>176</v>
      </c>
      <c r="C89" s="2" t="s">
        <v>119</v>
      </c>
    </row>
    <row r="90" spans="1:3" x14ac:dyDescent="0.35">
      <c r="A90" s="2" t="s">
        <v>177</v>
      </c>
      <c r="B90" s="2" t="s">
        <v>178</v>
      </c>
      <c r="C90" s="2" t="s">
        <v>179</v>
      </c>
    </row>
    <row r="91" spans="1:3" x14ac:dyDescent="0.35">
      <c r="A91" s="2" t="s">
        <v>154</v>
      </c>
      <c r="B91" s="2" t="s">
        <v>180</v>
      </c>
      <c r="C91" s="2" t="s">
        <v>179</v>
      </c>
    </row>
    <row r="92" spans="1:3" x14ac:dyDescent="0.35">
      <c r="A92" s="2" t="s">
        <v>181</v>
      </c>
      <c r="B92" s="2" t="s">
        <v>182</v>
      </c>
      <c r="C92" s="2" t="s">
        <v>179</v>
      </c>
    </row>
    <row r="93" spans="1:3" x14ac:dyDescent="0.35">
      <c r="A93" s="2" t="s">
        <v>183</v>
      </c>
      <c r="B93" s="2" t="s">
        <v>184</v>
      </c>
      <c r="C93" s="2" t="s">
        <v>179</v>
      </c>
    </row>
    <row r="94" spans="1:3" x14ac:dyDescent="0.35">
      <c r="A94" s="4" t="s">
        <v>185</v>
      </c>
      <c r="B94" s="5" t="s">
        <v>186</v>
      </c>
      <c r="C94" s="2" t="s">
        <v>179</v>
      </c>
    </row>
    <row r="95" spans="1:3" x14ac:dyDescent="0.35">
      <c r="A95" s="2" t="s">
        <v>187</v>
      </c>
      <c r="B95" s="2" t="s">
        <v>188</v>
      </c>
      <c r="C95" s="2" t="s">
        <v>189</v>
      </c>
    </row>
    <row r="96" spans="1:3" x14ac:dyDescent="0.35">
      <c r="A96" s="2" t="s">
        <v>190</v>
      </c>
      <c r="B96" s="2" t="s">
        <v>191</v>
      </c>
      <c r="C96" s="2" t="s">
        <v>189</v>
      </c>
    </row>
    <row r="97" spans="1:3" x14ac:dyDescent="0.35">
      <c r="A97" s="2" t="s">
        <v>192</v>
      </c>
      <c r="B97" s="2" t="s">
        <v>57</v>
      </c>
      <c r="C97" s="2" t="s">
        <v>189</v>
      </c>
    </row>
    <row r="98" spans="1:3" x14ac:dyDescent="0.35">
      <c r="A98" s="2" t="s">
        <v>193</v>
      </c>
      <c r="B98" s="2" t="s">
        <v>12</v>
      </c>
      <c r="C98" s="2" t="s">
        <v>189</v>
      </c>
    </row>
    <row r="99" spans="1:3" x14ac:dyDescent="0.35">
      <c r="A99" s="2" t="s">
        <v>194</v>
      </c>
      <c r="B99" s="2" t="s">
        <v>195</v>
      </c>
      <c r="C99" s="2" t="s">
        <v>189</v>
      </c>
    </row>
    <row r="100" spans="1:3" x14ac:dyDescent="0.35">
      <c r="A100" s="2" t="s">
        <v>196</v>
      </c>
      <c r="B100" s="2" t="s">
        <v>197</v>
      </c>
      <c r="C100" s="2" t="s">
        <v>189</v>
      </c>
    </row>
    <row r="101" spans="1:3" x14ac:dyDescent="0.35">
      <c r="A101" s="2" t="s">
        <v>198</v>
      </c>
      <c r="B101" s="2" t="s">
        <v>144</v>
      </c>
      <c r="C101" s="2" t="s">
        <v>189</v>
      </c>
    </row>
    <row r="102" spans="1:3" x14ac:dyDescent="0.35">
      <c r="A102" s="2" t="s">
        <v>199</v>
      </c>
      <c r="B102" s="2" t="s">
        <v>200</v>
      </c>
      <c r="C102" s="2" t="s">
        <v>201</v>
      </c>
    </row>
    <row r="103" spans="1:3" x14ac:dyDescent="0.35">
      <c r="A103" s="2" t="s">
        <v>202</v>
      </c>
      <c r="B103" s="2" t="s">
        <v>203</v>
      </c>
      <c r="C103" s="2" t="s">
        <v>201</v>
      </c>
    </row>
    <row r="104" spans="1:3" x14ac:dyDescent="0.35">
      <c r="A104" s="2" t="s">
        <v>204</v>
      </c>
      <c r="B104" s="2" t="s">
        <v>205</v>
      </c>
      <c r="C104" s="2" t="s">
        <v>201</v>
      </c>
    </row>
    <row r="105" spans="1:3" x14ac:dyDescent="0.35">
      <c r="A105" s="2" t="s">
        <v>206</v>
      </c>
      <c r="B105" s="2" t="s">
        <v>207</v>
      </c>
      <c r="C105" s="2" t="s">
        <v>201</v>
      </c>
    </row>
    <row r="106" spans="1:3" x14ac:dyDescent="0.35">
      <c r="A106" s="2" t="s">
        <v>208</v>
      </c>
      <c r="B106" s="2" t="s">
        <v>52</v>
      </c>
      <c r="C106" s="2" t="s">
        <v>201</v>
      </c>
    </row>
    <row r="107" spans="1:3" x14ac:dyDescent="0.35">
      <c r="A107" s="2" t="s">
        <v>19</v>
      </c>
      <c r="B107" s="2" t="s">
        <v>209</v>
      </c>
      <c r="C107" s="2" t="s">
        <v>201</v>
      </c>
    </row>
    <row r="108" spans="1:3" x14ac:dyDescent="0.35">
      <c r="A108" s="2" t="s">
        <v>210</v>
      </c>
      <c r="B108" s="2" t="s">
        <v>211</v>
      </c>
      <c r="C108" s="2" t="s">
        <v>201</v>
      </c>
    </row>
    <row r="109" spans="1:3" x14ac:dyDescent="0.35">
      <c r="A109" s="2" t="s">
        <v>212</v>
      </c>
      <c r="B109" s="2" t="s">
        <v>213</v>
      </c>
      <c r="C109" s="2" t="s">
        <v>201</v>
      </c>
    </row>
    <row r="110" spans="1:3" x14ac:dyDescent="0.35">
      <c r="A110" s="2" t="s">
        <v>214</v>
      </c>
      <c r="B110" s="2" t="s">
        <v>215</v>
      </c>
      <c r="C110" s="2" t="s">
        <v>216</v>
      </c>
    </row>
    <row r="111" spans="1:3" x14ac:dyDescent="0.35">
      <c r="A111" s="2" t="s">
        <v>217</v>
      </c>
      <c r="B111" s="2" t="s">
        <v>218</v>
      </c>
      <c r="C111" s="2" t="s">
        <v>216</v>
      </c>
    </row>
    <row r="112" spans="1:3" x14ac:dyDescent="0.35">
      <c r="A112" s="2" t="s">
        <v>83</v>
      </c>
      <c r="B112" s="2" t="s">
        <v>219</v>
      </c>
      <c r="C112" s="2" t="s">
        <v>220</v>
      </c>
    </row>
    <row r="113" spans="1:3" x14ac:dyDescent="0.35">
      <c r="A113" s="2" t="s">
        <v>221</v>
      </c>
      <c r="B113" s="2" t="s">
        <v>222</v>
      </c>
      <c r="C113" s="2" t="s">
        <v>220</v>
      </c>
    </row>
    <row r="114" spans="1:3" x14ac:dyDescent="0.35">
      <c r="A114" s="2" t="s">
        <v>223</v>
      </c>
      <c r="B114" s="2" t="s">
        <v>6</v>
      </c>
      <c r="C114" s="2" t="s">
        <v>220</v>
      </c>
    </row>
    <row r="115" spans="1:3" x14ac:dyDescent="0.35">
      <c r="A115" s="2" t="s">
        <v>19</v>
      </c>
      <c r="B115" s="2" t="s">
        <v>16</v>
      </c>
      <c r="C115" s="2" t="s">
        <v>220</v>
      </c>
    </row>
    <row r="116" spans="1:3" x14ac:dyDescent="0.35">
      <c r="A116" s="2" t="s">
        <v>183</v>
      </c>
      <c r="B116" s="2" t="s">
        <v>12</v>
      </c>
      <c r="C116" s="2" t="s">
        <v>220</v>
      </c>
    </row>
    <row r="117" spans="1:3" x14ac:dyDescent="0.35">
      <c r="A117" s="2" t="s">
        <v>15</v>
      </c>
      <c r="B117" s="2" t="s">
        <v>224</v>
      </c>
      <c r="C117" s="2" t="s">
        <v>225</v>
      </c>
    </row>
    <row r="118" spans="1:3" x14ac:dyDescent="0.35">
      <c r="A118" s="2" t="s">
        <v>226</v>
      </c>
      <c r="B118" s="2" t="s">
        <v>227</v>
      </c>
      <c r="C118" s="2" t="s">
        <v>225</v>
      </c>
    </row>
    <row r="119" spans="1:3" x14ac:dyDescent="0.35">
      <c r="A119" s="2" t="s">
        <v>228</v>
      </c>
      <c r="B119" s="2" t="s">
        <v>229</v>
      </c>
      <c r="C119" s="2" t="s">
        <v>225</v>
      </c>
    </row>
    <row r="120" spans="1:3" x14ac:dyDescent="0.35">
      <c r="A120" s="2" t="s">
        <v>230</v>
      </c>
      <c r="B120" s="2" t="s">
        <v>231</v>
      </c>
      <c r="C120" s="2" t="s">
        <v>225</v>
      </c>
    </row>
    <row r="121" spans="1:3" x14ac:dyDescent="0.35">
      <c r="A121" s="2" t="s">
        <v>232</v>
      </c>
      <c r="B121" s="2" t="s">
        <v>24</v>
      </c>
      <c r="C121" s="2" t="s">
        <v>225</v>
      </c>
    </row>
    <row r="122" spans="1:3" x14ac:dyDescent="0.35">
      <c r="A122" s="2" t="s">
        <v>72</v>
      </c>
      <c r="B122" s="2" t="s">
        <v>233</v>
      </c>
      <c r="C122" s="2" t="s">
        <v>225</v>
      </c>
    </row>
    <row r="123" spans="1:3" x14ac:dyDescent="0.35">
      <c r="A123" s="2" t="s">
        <v>36</v>
      </c>
      <c r="B123" s="2" t="s">
        <v>59</v>
      </c>
      <c r="C123" s="2" t="s">
        <v>225</v>
      </c>
    </row>
    <row r="124" spans="1:3" x14ac:dyDescent="0.35">
      <c r="A124" s="2" t="s">
        <v>234</v>
      </c>
      <c r="B124" s="2" t="s">
        <v>235</v>
      </c>
      <c r="C124" s="2" t="s">
        <v>225</v>
      </c>
    </row>
    <row r="125" spans="1:3" x14ac:dyDescent="0.35">
      <c r="A125" s="2" t="s">
        <v>236</v>
      </c>
      <c r="B125" s="2" t="s">
        <v>52</v>
      </c>
      <c r="C125" s="2" t="s">
        <v>225</v>
      </c>
    </row>
    <row r="126" spans="1:3" x14ac:dyDescent="0.35">
      <c r="A126" s="2" t="s">
        <v>19</v>
      </c>
      <c r="B126" s="2" t="s">
        <v>10</v>
      </c>
      <c r="C126" s="2" t="s">
        <v>225</v>
      </c>
    </row>
    <row r="127" spans="1:3" x14ac:dyDescent="0.35">
      <c r="A127" s="2" t="s">
        <v>102</v>
      </c>
      <c r="B127" s="2" t="s">
        <v>237</v>
      </c>
      <c r="C127" s="2" t="s">
        <v>225</v>
      </c>
    </row>
    <row r="128" spans="1:3" x14ac:dyDescent="0.35">
      <c r="A128" s="2" t="s">
        <v>238</v>
      </c>
      <c r="B128" s="2" t="s">
        <v>239</v>
      </c>
      <c r="C128" s="2" t="s">
        <v>225</v>
      </c>
    </row>
    <row r="129" spans="1:3" x14ac:dyDescent="0.35">
      <c r="A129" s="2" t="s">
        <v>240</v>
      </c>
      <c r="B129" s="2" t="s">
        <v>241</v>
      </c>
      <c r="C129" s="2" t="s">
        <v>225</v>
      </c>
    </row>
    <row r="130" spans="1:3" x14ac:dyDescent="0.35">
      <c r="A130" s="2" t="s">
        <v>242</v>
      </c>
      <c r="B130" s="2" t="s">
        <v>243</v>
      </c>
      <c r="C130" s="2" t="s">
        <v>225</v>
      </c>
    </row>
    <row r="131" spans="1:3" x14ac:dyDescent="0.35">
      <c r="A131" s="2" t="s">
        <v>244</v>
      </c>
      <c r="B131" s="2" t="s">
        <v>245</v>
      </c>
      <c r="C131" s="2" t="s">
        <v>225</v>
      </c>
    </row>
    <row r="132" spans="1:3" x14ac:dyDescent="0.35">
      <c r="A132" s="2" t="s">
        <v>246</v>
      </c>
      <c r="B132" s="2" t="s">
        <v>247</v>
      </c>
      <c r="C132" s="2" t="s">
        <v>248</v>
      </c>
    </row>
    <row r="133" spans="1:3" x14ac:dyDescent="0.35">
      <c r="A133" s="2" t="s">
        <v>249</v>
      </c>
      <c r="B133" s="2" t="s">
        <v>250</v>
      </c>
      <c r="C133" s="2" t="s">
        <v>251</v>
      </c>
    </row>
    <row r="134" spans="1:3" x14ac:dyDescent="0.35">
      <c r="A134" s="2" t="s">
        <v>252</v>
      </c>
      <c r="B134" s="2" t="s">
        <v>253</v>
      </c>
      <c r="C134" s="2" t="s">
        <v>251</v>
      </c>
    </row>
    <row r="135" spans="1:3" x14ac:dyDescent="0.35">
      <c r="A135" s="2" t="s">
        <v>254</v>
      </c>
      <c r="B135" s="2" t="s">
        <v>28</v>
      </c>
      <c r="C135" s="2" t="s">
        <v>251</v>
      </c>
    </row>
    <row r="136" spans="1:3" x14ac:dyDescent="0.35">
      <c r="A136" s="2" t="s">
        <v>255</v>
      </c>
      <c r="B136" s="2" t="s">
        <v>28</v>
      </c>
      <c r="C136" s="2" t="s">
        <v>251</v>
      </c>
    </row>
    <row r="137" spans="1:3" x14ac:dyDescent="0.35">
      <c r="A137" s="2" t="s">
        <v>256</v>
      </c>
      <c r="B137" s="2" t="s">
        <v>24</v>
      </c>
      <c r="C137" s="2" t="s">
        <v>251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39CE6DE-B589-49FD-91E1-C2E0486E3ACB}">
  <ds:schemaRefs/>
</ds:datastoreItem>
</file>

<file path=customXml/itemProps2.xml><?xml version="1.0" encoding="utf-8"?>
<ds:datastoreItem xmlns:ds="http://schemas.openxmlformats.org/officeDocument/2006/customXml" ds:itemID="{8C9C6B9F-5359-4A32-B5F4-6461E3FA1BA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akob Draminsky</dc:creator>
  <cp:lastModifiedBy>Jacob Andersen</cp:lastModifiedBy>
  <dcterms:created xsi:type="dcterms:W3CDTF">2023-09-03T09:05:17Z</dcterms:created>
  <dcterms:modified xsi:type="dcterms:W3CDTF">2023-12-11T21:38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if</vt:lpwstr>
  </property>
  <property fmtid="{D5CDD505-2E9C-101B-9397-08002B2CF9AE}" pid="3" name="TemplafyTemplateId">
    <vt:lpwstr>638179298200434231</vt:lpwstr>
  </property>
  <property fmtid="{D5CDD505-2E9C-101B-9397-08002B2CF9AE}" pid="4" name="TemplafyUserProfileId">
    <vt:lpwstr>714270559396692015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